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882"/>
  </bookViews>
  <sheets>
    <sheet name="26-10" sheetId="4" r:id="rId1"/>
  </sheets>
  <definedNames>
    <definedName name="_xlnm.Print_Area" localSheetId="0">'26-10'!$A$1:$V$38</definedName>
  </definedNames>
  <calcPr calcId="152511"/>
</workbook>
</file>

<file path=xl/sharedStrings.xml><?xml version="1.0" encoding="utf-8"?>
<sst xmlns="http://schemas.openxmlformats.org/spreadsheetml/2006/main" count="82" uniqueCount="27">
  <si>
    <t>延長</t>
    <rPh sb="0" eb="2">
      <t>エンチョウ</t>
    </rPh>
    <phoneticPr fontId="2"/>
  </si>
  <si>
    <t>総数</t>
    <rPh sb="0" eb="2">
      <t>ソウスウ</t>
    </rPh>
    <phoneticPr fontId="2"/>
  </si>
  <si>
    <t>舗装</t>
    <rPh sb="0" eb="2">
      <t>ホソウ</t>
    </rPh>
    <phoneticPr fontId="2"/>
  </si>
  <si>
    <t>改良</t>
    <rPh sb="0" eb="2">
      <t>カイリョウ</t>
    </rPh>
    <phoneticPr fontId="2"/>
  </si>
  <si>
    <t>市単</t>
    <rPh sb="0" eb="1">
      <t>シ</t>
    </rPh>
    <rPh sb="1" eb="2">
      <t>タン</t>
    </rPh>
    <phoneticPr fontId="2"/>
  </si>
  <si>
    <t>災害</t>
    <rPh sb="0" eb="2">
      <t>サイガイ</t>
    </rPh>
    <phoneticPr fontId="2"/>
  </si>
  <si>
    <t>事業種目</t>
    <rPh sb="0" eb="2">
      <t>ジギョウ</t>
    </rPh>
    <rPh sb="2" eb="4">
      <t>シュモク</t>
    </rPh>
    <phoneticPr fontId="2"/>
  </si>
  <si>
    <t>事業費</t>
    <rPh sb="0" eb="3">
      <t>ジギョウヒ</t>
    </rPh>
    <phoneticPr fontId="2"/>
  </si>
  <si>
    <t>一般林道</t>
    <rPh sb="0" eb="2">
      <t>イッパン</t>
    </rPh>
    <rPh sb="2" eb="4">
      <t>リンドウ</t>
    </rPh>
    <phoneticPr fontId="2"/>
  </si>
  <si>
    <t>林溝林道</t>
    <rPh sb="0" eb="1">
      <t>ハヤシ</t>
    </rPh>
    <rPh sb="1" eb="2">
      <t>ミゾ</t>
    </rPh>
    <rPh sb="2" eb="4">
      <t>リンドウ</t>
    </rPh>
    <phoneticPr fontId="2"/>
  </si>
  <si>
    <t>間伐対策林道</t>
    <rPh sb="0" eb="2">
      <t>カンバツ</t>
    </rPh>
    <rPh sb="2" eb="4">
      <t>タイサク</t>
    </rPh>
    <rPh sb="4" eb="6">
      <t>リンドウ</t>
    </rPh>
    <phoneticPr fontId="2"/>
  </si>
  <si>
    <t>開設</t>
    <rPh sb="0" eb="2">
      <t>カイセツ</t>
    </rPh>
    <phoneticPr fontId="2"/>
  </si>
  <si>
    <t>〃</t>
    <phoneticPr fontId="2"/>
  </si>
  <si>
    <t>国庫補助</t>
    <rPh sb="0" eb="2">
      <t>コッコ</t>
    </rPh>
    <rPh sb="2" eb="4">
      <t>ホジョ</t>
    </rPh>
    <phoneticPr fontId="2"/>
  </si>
  <si>
    <t>県単</t>
    <rPh sb="0" eb="1">
      <t>ケン</t>
    </rPh>
    <rPh sb="1" eb="2">
      <t>タン</t>
    </rPh>
    <phoneticPr fontId="2"/>
  </si>
  <si>
    <t>併用林道</t>
    <rPh sb="0" eb="2">
      <t>ヘイヨウ</t>
    </rPh>
    <rPh sb="2" eb="4">
      <t>リンドウ</t>
    </rPh>
    <phoneticPr fontId="2"/>
  </si>
  <si>
    <t>交通安全対策</t>
    <rPh sb="0" eb="2">
      <t>コウツウ</t>
    </rPh>
    <rPh sb="2" eb="4">
      <t>アンゼン</t>
    </rPh>
    <rPh sb="4" eb="6">
      <t>タイサク</t>
    </rPh>
    <phoneticPr fontId="2"/>
  </si>
  <si>
    <t>〃</t>
    <phoneticPr fontId="2"/>
  </si>
  <si>
    <t>年度</t>
    <rPh sb="0" eb="2">
      <t>ネンド</t>
    </rPh>
    <phoneticPr fontId="2"/>
  </si>
  <si>
    <t>資料：耕地林務課</t>
    <rPh sb="0" eb="2">
      <t>シリョウ</t>
    </rPh>
    <rPh sb="3" eb="5">
      <t>コウチ</t>
    </rPh>
    <rPh sb="5" eb="6">
      <t>ハヤシ</t>
    </rPh>
    <rPh sb="6" eb="7">
      <t>ツト</t>
    </rPh>
    <rPh sb="7" eb="8">
      <t>カ</t>
    </rPh>
    <phoneticPr fontId="2"/>
  </si>
  <si>
    <t>〃</t>
    <phoneticPr fontId="2"/>
  </si>
  <si>
    <t>26-10　種目別林道開設改良状況</t>
    <rPh sb="6" eb="8">
      <t>シュモク</t>
    </rPh>
    <rPh sb="8" eb="9">
      <t>ベツ</t>
    </rPh>
    <rPh sb="9" eb="11">
      <t>リンドウ</t>
    </rPh>
    <rPh sb="11" eb="13">
      <t>カイセツ</t>
    </rPh>
    <rPh sb="13" eb="15">
      <t>カイリョウ</t>
    </rPh>
    <rPh sb="15" eb="17">
      <t>ジョウキョウ</t>
    </rPh>
    <phoneticPr fontId="2"/>
  </si>
  <si>
    <t>平成29年11月に赤字の箇所を修正しました。</t>
    <rPh sb="0" eb="2">
      <t>ヘイセイ</t>
    </rPh>
    <rPh sb="4" eb="5">
      <t>ネン</t>
    </rPh>
    <rPh sb="7" eb="8">
      <t>ガツ</t>
    </rPh>
    <rPh sb="9" eb="11">
      <t>アカジ</t>
    </rPh>
    <rPh sb="12" eb="14">
      <t>カショ</t>
    </rPh>
    <rPh sb="15" eb="17">
      <t>シュウセイ</t>
    </rPh>
    <phoneticPr fontId="2"/>
  </si>
  <si>
    <t>（単位：ｍ，千円）</t>
    <phoneticPr fontId="2"/>
  </si>
  <si>
    <r>
      <t>0</t>
    </r>
    <r>
      <rPr>
        <sz val="8"/>
        <rFont val="明朝"/>
        <family val="1"/>
        <charset val="128"/>
      </rPr>
      <t>（次年度繰越）</t>
    </r>
    <rPh sb="2" eb="5">
      <t>ジネンド</t>
    </rPh>
    <rPh sb="5" eb="7">
      <t>クリコシ</t>
    </rPh>
    <phoneticPr fontId="2"/>
  </si>
  <si>
    <t>平成14年度</t>
    <rPh sb="0" eb="2">
      <t>ヘイセイ</t>
    </rPh>
    <rPh sb="4" eb="6">
      <t>ネンド</t>
    </rPh>
    <phoneticPr fontId="2"/>
  </si>
  <si>
    <t>令和元年度</t>
    <rPh sb="0" eb="5">
      <t>レイワガン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;[Red]\-#,##0\ "/>
    <numFmt numFmtId="177" formatCode="#,##0_ "/>
  </numFmts>
  <fonts count="10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明朝"/>
      <family val="1"/>
      <charset val="128"/>
    </font>
    <font>
      <b/>
      <sz val="11"/>
      <name val="明朝"/>
      <family val="1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2"/>
      <color rgb="FFFF0000"/>
      <name val="明朝"/>
      <family val="1"/>
      <charset val="128"/>
    </font>
    <font>
      <sz val="11"/>
      <color rgb="FFFF0000"/>
      <name val="明朝"/>
      <family val="1"/>
      <charset val="128"/>
    </font>
    <font>
      <sz val="8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3">
    <xf numFmtId="0" fontId="0" fillId="0" borderId="0" xfId="0"/>
    <xf numFmtId="0" fontId="5" fillId="0" borderId="1" xfId="0" applyFont="1" applyFill="1" applyBorder="1" applyAlignment="1">
      <alignment horizontal="center" vertical="center"/>
    </xf>
    <xf numFmtId="0" fontId="4" fillId="0" borderId="0" xfId="0" applyFont="1" applyFill="1" applyAlignment="1">
      <alignment vertical="center"/>
    </xf>
    <xf numFmtId="0" fontId="3" fillId="0" borderId="0" xfId="0" applyFont="1" applyFill="1" applyAlignment="1">
      <alignment vertical="center"/>
    </xf>
    <xf numFmtId="0" fontId="6" fillId="0" borderId="0" xfId="0" applyFont="1" applyFill="1" applyAlignment="1">
      <alignment horizontal="center" vertical="center"/>
    </xf>
    <xf numFmtId="0" fontId="5" fillId="0" borderId="0" xfId="0" applyFont="1" applyFill="1" applyAlignment="1">
      <alignment horizontal="right" vertical="center"/>
    </xf>
    <xf numFmtId="0" fontId="5" fillId="0" borderId="2" xfId="0" applyFont="1" applyFill="1" applyBorder="1" applyAlignment="1">
      <alignment horizontal="center" vertical="center"/>
    </xf>
    <xf numFmtId="0" fontId="6" fillId="0" borderId="2" xfId="0" applyFont="1" applyFill="1" applyBorder="1" applyAlignment="1">
      <alignment horizontal="distributed" vertical="center" wrapText="1"/>
    </xf>
    <xf numFmtId="0" fontId="5" fillId="0" borderId="0" xfId="0" applyFont="1" applyFill="1" applyAlignment="1">
      <alignment vertical="center"/>
    </xf>
    <xf numFmtId="0" fontId="5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distributed" vertical="center"/>
    </xf>
    <xf numFmtId="0" fontId="6" fillId="0" borderId="5" xfId="0" applyFont="1" applyFill="1" applyBorder="1" applyAlignment="1">
      <alignment horizontal="distributed" vertical="center"/>
    </xf>
    <xf numFmtId="0" fontId="6" fillId="0" borderId="6" xfId="0" applyFont="1" applyFill="1" applyBorder="1" applyAlignment="1">
      <alignment horizontal="distributed" vertical="center"/>
    </xf>
    <xf numFmtId="176" fontId="5" fillId="0" borderId="7" xfId="1" applyNumberFormat="1" applyFont="1" applyFill="1" applyBorder="1" applyAlignment="1">
      <alignment horizontal="right" vertical="center" shrinkToFit="1"/>
    </xf>
    <xf numFmtId="176" fontId="5" fillId="0" borderId="8" xfId="1" applyNumberFormat="1" applyFont="1" applyFill="1" applyBorder="1" applyAlignment="1">
      <alignment horizontal="right" vertical="center" shrinkToFit="1"/>
    </xf>
    <xf numFmtId="176" fontId="5" fillId="0" borderId="0" xfId="1" applyNumberFormat="1" applyFont="1" applyFill="1" applyBorder="1" applyAlignment="1">
      <alignment horizontal="right" vertical="center" shrinkToFit="1"/>
    </xf>
    <xf numFmtId="176" fontId="5" fillId="0" borderId="9" xfId="1" applyNumberFormat="1" applyFont="1" applyFill="1" applyBorder="1" applyAlignment="1">
      <alignment horizontal="right" vertical="center" shrinkToFit="1"/>
    </xf>
    <xf numFmtId="176" fontId="5" fillId="0" borderId="10" xfId="1" applyNumberFormat="1" applyFont="1" applyFill="1" applyBorder="1" applyAlignment="1">
      <alignment horizontal="right" vertical="center" shrinkToFit="1"/>
    </xf>
    <xf numFmtId="176" fontId="5" fillId="0" borderId="11" xfId="1" applyNumberFormat="1" applyFont="1" applyFill="1" applyBorder="1" applyAlignment="1">
      <alignment horizontal="right" vertical="center" shrinkToFit="1"/>
    </xf>
    <xf numFmtId="177" fontId="3" fillId="0" borderId="8" xfId="0" applyNumberFormat="1" applyFont="1" applyFill="1" applyBorder="1" applyAlignment="1">
      <alignment vertical="center"/>
    </xf>
    <xf numFmtId="177" fontId="3" fillId="0" borderId="9" xfId="0" applyNumberFormat="1" applyFont="1" applyFill="1" applyBorder="1" applyAlignment="1">
      <alignment vertical="center"/>
    </xf>
    <xf numFmtId="177" fontId="5" fillId="0" borderId="0" xfId="0" applyNumberFormat="1" applyFont="1" applyFill="1" applyBorder="1" applyAlignment="1">
      <alignment vertical="center"/>
    </xf>
    <xf numFmtId="177" fontId="5" fillId="0" borderId="11" xfId="0" applyNumberFormat="1" applyFont="1" applyFill="1" applyBorder="1" applyAlignment="1">
      <alignment vertical="center"/>
    </xf>
    <xf numFmtId="176" fontId="3" fillId="0" borderId="0" xfId="1" applyNumberFormat="1" applyFont="1" applyFill="1" applyBorder="1" applyAlignment="1">
      <alignment horizontal="right" vertical="center" shrinkToFit="1"/>
    </xf>
    <xf numFmtId="176" fontId="3" fillId="0" borderId="11" xfId="1" applyNumberFormat="1" applyFont="1" applyFill="1" applyBorder="1" applyAlignment="1">
      <alignment horizontal="right" vertical="center" shrinkToFit="1"/>
    </xf>
    <xf numFmtId="177" fontId="3" fillId="0" borderId="12" xfId="0" applyNumberFormat="1" applyFont="1" applyFill="1" applyBorder="1" applyAlignment="1">
      <alignment vertical="center"/>
    </xf>
    <xf numFmtId="177" fontId="3" fillId="0" borderId="13" xfId="0" applyNumberFormat="1" applyFont="1" applyFill="1" applyBorder="1" applyAlignment="1">
      <alignment vertical="center"/>
    </xf>
    <xf numFmtId="176" fontId="3" fillId="0" borderId="14" xfId="1" applyNumberFormat="1" applyFont="1" applyFill="1" applyBorder="1" applyAlignment="1">
      <alignment horizontal="right" vertical="center" shrinkToFit="1"/>
    </xf>
    <xf numFmtId="176" fontId="3" fillId="0" borderId="15" xfId="1" applyNumberFormat="1" applyFont="1" applyFill="1" applyBorder="1" applyAlignment="1">
      <alignment horizontal="right" vertical="center" shrinkToFit="1"/>
    </xf>
    <xf numFmtId="177" fontId="3" fillId="0" borderId="9" xfId="0" applyNumberFormat="1" applyFont="1" applyFill="1" applyBorder="1" applyAlignment="1">
      <alignment vertical="center" shrinkToFit="1"/>
    </xf>
    <xf numFmtId="0" fontId="7" fillId="0" borderId="0" xfId="0" applyFont="1" applyFill="1" applyAlignment="1">
      <alignment vertical="center"/>
    </xf>
    <xf numFmtId="176" fontId="8" fillId="0" borderId="0" xfId="1" applyNumberFormat="1" applyFont="1" applyFill="1" applyBorder="1" applyAlignment="1">
      <alignment horizontal="right" vertical="center" shrinkToFit="1"/>
    </xf>
    <xf numFmtId="0" fontId="6" fillId="0" borderId="2" xfId="0" applyFont="1" applyFill="1" applyBorder="1" applyAlignment="1">
      <alignment horizontal="center" vertical="center"/>
    </xf>
    <xf numFmtId="0" fontId="6" fillId="0" borderId="16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vertical="center"/>
    </xf>
    <xf numFmtId="0" fontId="5" fillId="0" borderId="18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20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7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24" xfId="0" applyFont="1" applyFill="1" applyBorder="1" applyAlignment="1">
      <alignment horizontal="center" vertical="center"/>
    </xf>
    <xf numFmtId="0" fontId="5" fillId="0" borderId="23" xfId="0" applyFont="1" applyFill="1" applyBorder="1" applyAlignment="1">
      <alignment horizontal="center" vertical="center"/>
    </xf>
    <xf numFmtId="0" fontId="5" fillId="0" borderId="25" xfId="0" applyFont="1" applyFill="1" applyBorder="1" applyAlignment="1">
      <alignment horizontal="center" vertical="center" textRotation="255"/>
    </xf>
    <xf numFmtId="0" fontId="5" fillId="0" borderId="26" xfId="0" applyFont="1" applyFill="1" applyBorder="1" applyAlignment="1">
      <alignment horizontal="center" vertical="center" textRotation="255"/>
    </xf>
    <xf numFmtId="0" fontId="5" fillId="0" borderId="27" xfId="0" applyFont="1" applyFill="1" applyBorder="1" applyAlignment="1">
      <alignment horizontal="center" vertical="center" textRotation="255"/>
    </xf>
    <xf numFmtId="0" fontId="5" fillId="0" borderId="28" xfId="0" applyFont="1" applyFill="1" applyBorder="1" applyAlignment="1">
      <alignment horizontal="center" vertical="center" textRotation="255"/>
    </xf>
    <xf numFmtId="0" fontId="5" fillId="0" borderId="29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38"/>
  <sheetViews>
    <sheetView showGridLines="0" tabSelected="1" view="pageBreakPreview" zoomScaleNormal="100" zoomScaleSheetLayoutView="100" workbookViewId="0">
      <selection activeCell="A2" sqref="A2"/>
    </sheetView>
  </sheetViews>
  <sheetFormatPr defaultRowHeight="13.5"/>
  <cols>
    <col min="1" max="1" width="4" style="3" customWidth="1"/>
    <col min="2" max="2" width="11.375" style="3" customWidth="1"/>
    <col min="3" max="3" width="5" style="3" customWidth="1"/>
    <col min="4" max="4" width="7.625" style="4" customWidth="1"/>
    <col min="5" max="5" width="8.875" style="3" customWidth="1"/>
    <col min="6" max="10" width="9" style="3" customWidth="1"/>
    <col min="11" max="11" width="9.75" style="3" customWidth="1"/>
    <col min="12" max="13" width="9" style="3"/>
    <col min="14" max="14" width="7.625" style="3" customWidth="1"/>
    <col min="15" max="21" width="9" style="3"/>
    <col min="22" max="22" width="9.125" style="3" customWidth="1"/>
    <col min="23" max="16384" width="9" style="3"/>
  </cols>
  <sheetData>
    <row r="1" spans="1:22" ht="14.25">
      <c r="A1" s="30" t="s">
        <v>22</v>
      </c>
    </row>
    <row r="2" spans="1:22" ht="14.25" thickBot="1">
      <c r="A2" s="2" t="s">
        <v>21</v>
      </c>
      <c r="G2" s="5"/>
      <c r="H2" s="5"/>
      <c r="I2" s="5"/>
      <c r="J2" s="5"/>
      <c r="R2" s="5"/>
      <c r="S2" s="5"/>
      <c r="T2" s="5"/>
      <c r="U2" s="5"/>
      <c r="V2" s="5" t="s">
        <v>23</v>
      </c>
    </row>
    <row r="3" spans="1:22" s="8" customFormat="1" ht="12">
      <c r="A3" s="50" t="s">
        <v>6</v>
      </c>
      <c r="B3" s="51"/>
      <c r="C3" s="51"/>
      <c r="D3" s="7" t="s">
        <v>18</v>
      </c>
      <c r="E3" s="32" t="s">
        <v>25</v>
      </c>
      <c r="F3" s="6">
        <v>15</v>
      </c>
      <c r="G3" s="1">
        <v>16</v>
      </c>
      <c r="H3" s="1">
        <v>17</v>
      </c>
      <c r="I3" s="1">
        <v>18</v>
      </c>
      <c r="J3" s="1">
        <v>19</v>
      </c>
      <c r="K3" s="6">
        <v>20</v>
      </c>
      <c r="L3" s="9">
        <v>21</v>
      </c>
      <c r="M3" s="6">
        <v>22</v>
      </c>
      <c r="N3" s="6">
        <v>23</v>
      </c>
      <c r="O3" s="6">
        <v>24</v>
      </c>
      <c r="P3" s="6">
        <v>25</v>
      </c>
      <c r="Q3" s="6">
        <v>26</v>
      </c>
      <c r="R3" s="6">
        <v>27</v>
      </c>
      <c r="S3" s="1">
        <v>28</v>
      </c>
      <c r="T3" s="1">
        <v>29</v>
      </c>
      <c r="U3" s="1">
        <v>30</v>
      </c>
      <c r="V3" s="33" t="s">
        <v>26</v>
      </c>
    </row>
    <row r="4" spans="1:22">
      <c r="A4" s="36" t="s">
        <v>1</v>
      </c>
      <c r="B4" s="37"/>
      <c r="C4" s="38"/>
      <c r="D4" s="10" t="s">
        <v>0</v>
      </c>
      <c r="E4" s="13">
        <v>1603</v>
      </c>
      <c r="F4" s="14">
        <v>2587</v>
      </c>
      <c r="G4" s="14">
        <v>1489</v>
      </c>
      <c r="H4" s="14">
        <v>1302</v>
      </c>
      <c r="I4" s="15">
        <v>5594</v>
      </c>
      <c r="J4" s="15">
        <v>7658</v>
      </c>
      <c r="K4" s="15">
        <v>7214</v>
      </c>
      <c r="L4" s="19">
        <v>955</v>
      </c>
      <c r="M4" s="19">
        <v>12855</v>
      </c>
      <c r="N4" s="19">
        <v>667</v>
      </c>
      <c r="O4" s="19">
        <v>2858</v>
      </c>
      <c r="P4" s="19">
        <v>14131</v>
      </c>
      <c r="Q4" s="19">
        <v>3455</v>
      </c>
      <c r="R4" s="19">
        <v>1368</v>
      </c>
      <c r="S4" s="19">
        <v>6651</v>
      </c>
      <c r="T4" s="19">
        <v>9954</v>
      </c>
      <c r="U4" s="19">
        <v>11153</v>
      </c>
      <c r="V4" s="25">
        <v>10519</v>
      </c>
    </row>
    <row r="5" spans="1:22">
      <c r="A5" s="39"/>
      <c r="B5" s="40"/>
      <c r="C5" s="35"/>
      <c r="D5" s="11" t="s">
        <v>7</v>
      </c>
      <c r="E5" s="17">
        <v>162585</v>
      </c>
      <c r="F5" s="16">
        <v>151351</v>
      </c>
      <c r="G5" s="16">
        <v>87709</v>
      </c>
      <c r="H5" s="16">
        <v>125089</v>
      </c>
      <c r="I5" s="16">
        <v>128363</v>
      </c>
      <c r="J5" s="16">
        <v>311612</v>
      </c>
      <c r="K5" s="16">
        <v>98122</v>
      </c>
      <c r="L5" s="20">
        <v>162894</v>
      </c>
      <c r="M5" s="20">
        <v>80774</v>
      </c>
      <c r="N5" s="29">
        <v>63949</v>
      </c>
      <c r="O5" s="20">
        <v>64501</v>
      </c>
      <c r="P5" s="20">
        <v>154271</v>
      </c>
      <c r="Q5" s="20">
        <v>69861</v>
      </c>
      <c r="R5" s="20">
        <v>71765</v>
      </c>
      <c r="S5" s="20">
        <v>78605</v>
      </c>
      <c r="T5" s="20">
        <v>76963</v>
      </c>
      <c r="U5" s="20">
        <v>50767</v>
      </c>
      <c r="V5" s="26">
        <v>54726</v>
      </c>
    </row>
    <row r="6" spans="1:22" ht="16.5" customHeight="1">
      <c r="A6" s="46" t="s">
        <v>13</v>
      </c>
      <c r="B6" s="42" t="s">
        <v>8</v>
      </c>
      <c r="C6" s="38" t="s">
        <v>11</v>
      </c>
      <c r="D6" s="10" t="s">
        <v>0</v>
      </c>
      <c r="E6" s="15">
        <v>294</v>
      </c>
      <c r="F6" s="15">
        <v>1600</v>
      </c>
      <c r="G6" s="15">
        <v>493</v>
      </c>
      <c r="H6" s="15">
        <v>751</v>
      </c>
      <c r="I6" s="15">
        <v>363</v>
      </c>
      <c r="J6" s="15">
        <v>663</v>
      </c>
      <c r="K6" s="15">
        <v>209</v>
      </c>
      <c r="L6" s="21">
        <v>480</v>
      </c>
      <c r="M6" s="21">
        <v>391</v>
      </c>
      <c r="N6" s="23">
        <v>235</v>
      </c>
      <c r="O6" s="23">
        <v>124</v>
      </c>
      <c r="P6" s="23">
        <v>652</v>
      </c>
      <c r="Q6" s="23">
        <v>87</v>
      </c>
      <c r="R6" s="31">
        <v>45</v>
      </c>
      <c r="S6" s="23">
        <v>47</v>
      </c>
      <c r="T6" s="23">
        <v>0</v>
      </c>
      <c r="U6" s="23">
        <v>0</v>
      </c>
      <c r="V6" s="27" t="s">
        <v>24</v>
      </c>
    </row>
    <row r="7" spans="1:22" ht="16.5" customHeight="1">
      <c r="A7" s="47"/>
      <c r="B7" s="34"/>
      <c r="C7" s="35"/>
      <c r="D7" s="11" t="s">
        <v>7</v>
      </c>
      <c r="E7" s="15">
        <v>125152</v>
      </c>
      <c r="F7" s="15">
        <v>123686</v>
      </c>
      <c r="G7" s="15">
        <v>61297</v>
      </c>
      <c r="H7" s="15">
        <v>100356</v>
      </c>
      <c r="I7" s="15">
        <v>86000</v>
      </c>
      <c r="J7" s="15">
        <v>122800</v>
      </c>
      <c r="K7" s="15">
        <v>44500</v>
      </c>
      <c r="L7" s="21">
        <v>106367</v>
      </c>
      <c r="M7" s="21">
        <v>60312</v>
      </c>
      <c r="N7" s="23">
        <v>48793</v>
      </c>
      <c r="O7" s="23">
        <v>35311</v>
      </c>
      <c r="P7" s="23">
        <v>97420</v>
      </c>
      <c r="Q7" s="23">
        <v>56429</v>
      </c>
      <c r="R7" s="23">
        <v>34020</v>
      </c>
      <c r="S7" s="23">
        <v>41202</v>
      </c>
      <c r="T7" s="23">
        <v>32076</v>
      </c>
      <c r="U7" s="23">
        <v>21384</v>
      </c>
      <c r="V7" s="27" t="s">
        <v>24</v>
      </c>
    </row>
    <row r="8" spans="1:22" ht="16.5" customHeight="1">
      <c r="A8" s="47"/>
      <c r="B8" s="41" t="s">
        <v>20</v>
      </c>
      <c r="C8" s="35" t="s">
        <v>2</v>
      </c>
      <c r="D8" s="11" t="s">
        <v>0</v>
      </c>
      <c r="E8" s="15">
        <v>0</v>
      </c>
      <c r="F8" s="15">
        <v>0</v>
      </c>
      <c r="G8" s="15">
        <v>0</v>
      </c>
      <c r="H8" s="15">
        <v>0</v>
      </c>
      <c r="I8" s="15">
        <v>0</v>
      </c>
      <c r="J8" s="15">
        <v>0</v>
      </c>
      <c r="K8" s="15">
        <v>0</v>
      </c>
      <c r="L8" s="21">
        <v>0</v>
      </c>
      <c r="M8" s="21">
        <v>0</v>
      </c>
      <c r="N8" s="23">
        <v>0</v>
      </c>
      <c r="O8" s="23">
        <v>0</v>
      </c>
      <c r="P8" s="23">
        <v>0</v>
      </c>
      <c r="Q8" s="23">
        <v>0</v>
      </c>
      <c r="R8" s="23">
        <v>0</v>
      </c>
      <c r="S8" s="23">
        <v>0</v>
      </c>
      <c r="T8" s="23">
        <v>0</v>
      </c>
      <c r="U8" s="23">
        <v>0</v>
      </c>
      <c r="V8" s="27">
        <v>0</v>
      </c>
    </row>
    <row r="9" spans="1:22" ht="16.5" customHeight="1">
      <c r="A9" s="47"/>
      <c r="B9" s="41"/>
      <c r="C9" s="35"/>
      <c r="D9" s="11" t="s">
        <v>7</v>
      </c>
      <c r="E9" s="15">
        <v>0</v>
      </c>
      <c r="F9" s="15">
        <v>0</v>
      </c>
      <c r="G9" s="15">
        <v>0</v>
      </c>
      <c r="H9" s="15">
        <v>0</v>
      </c>
      <c r="I9" s="15">
        <v>0</v>
      </c>
      <c r="J9" s="15">
        <v>0</v>
      </c>
      <c r="K9" s="15">
        <v>0</v>
      </c>
      <c r="L9" s="21">
        <v>0</v>
      </c>
      <c r="M9" s="21">
        <v>0</v>
      </c>
      <c r="N9" s="23">
        <v>0</v>
      </c>
      <c r="O9" s="23">
        <v>0</v>
      </c>
      <c r="P9" s="23">
        <v>0</v>
      </c>
      <c r="Q9" s="23">
        <v>0</v>
      </c>
      <c r="R9" s="23">
        <v>0</v>
      </c>
      <c r="S9" s="23">
        <v>0</v>
      </c>
      <c r="T9" s="23">
        <v>0</v>
      </c>
      <c r="U9" s="23">
        <v>0</v>
      </c>
      <c r="V9" s="27">
        <v>0</v>
      </c>
    </row>
    <row r="10" spans="1:22" ht="16.5" customHeight="1">
      <c r="A10" s="47"/>
      <c r="B10" s="41" t="s">
        <v>20</v>
      </c>
      <c r="C10" s="35" t="s">
        <v>5</v>
      </c>
      <c r="D10" s="11" t="s">
        <v>0</v>
      </c>
      <c r="E10" s="15">
        <v>66</v>
      </c>
      <c r="F10" s="15">
        <v>0</v>
      </c>
      <c r="G10" s="15">
        <v>0</v>
      </c>
      <c r="H10" s="15">
        <v>0</v>
      </c>
      <c r="I10" s="15">
        <v>163</v>
      </c>
      <c r="J10" s="15">
        <v>1499</v>
      </c>
      <c r="K10" s="15">
        <v>77</v>
      </c>
      <c r="L10" s="21">
        <v>0</v>
      </c>
      <c r="M10" s="21">
        <v>0</v>
      </c>
      <c r="N10" s="23">
        <v>0</v>
      </c>
      <c r="O10" s="23">
        <v>0</v>
      </c>
      <c r="P10" s="23">
        <v>97</v>
      </c>
      <c r="Q10" s="23">
        <v>0</v>
      </c>
      <c r="R10" s="23">
        <v>0</v>
      </c>
      <c r="S10" s="23">
        <v>0</v>
      </c>
      <c r="T10" s="23">
        <v>0</v>
      </c>
      <c r="U10" s="23">
        <v>10</v>
      </c>
      <c r="V10" s="27">
        <v>0</v>
      </c>
    </row>
    <row r="11" spans="1:22" ht="16.5" customHeight="1">
      <c r="A11" s="47"/>
      <c r="B11" s="41"/>
      <c r="C11" s="35"/>
      <c r="D11" s="11" t="s">
        <v>7</v>
      </c>
      <c r="E11" s="15">
        <v>10057</v>
      </c>
      <c r="F11" s="15">
        <v>0</v>
      </c>
      <c r="G11" s="15">
        <v>0</v>
      </c>
      <c r="H11" s="15">
        <v>0</v>
      </c>
      <c r="I11" s="15">
        <v>3839</v>
      </c>
      <c r="J11" s="15">
        <v>135196</v>
      </c>
      <c r="K11" s="15">
        <v>4327</v>
      </c>
      <c r="L11" s="21">
        <v>0</v>
      </c>
      <c r="M11" s="21">
        <v>0</v>
      </c>
      <c r="N11" s="23">
        <v>0</v>
      </c>
      <c r="O11" s="23">
        <v>0</v>
      </c>
      <c r="P11" s="23">
        <v>10292</v>
      </c>
      <c r="Q11" s="23">
        <v>0</v>
      </c>
      <c r="R11" s="23">
        <v>0</v>
      </c>
      <c r="S11" s="23">
        <v>0</v>
      </c>
      <c r="T11" s="23">
        <v>0</v>
      </c>
      <c r="U11" s="23">
        <v>3964</v>
      </c>
      <c r="V11" s="27">
        <v>0</v>
      </c>
    </row>
    <row r="12" spans="1:22" ht="16.5" customHeight="1">
      <c r="A12" s="47"/>
      <c r="B12" s="41" t="s">
        <v>20</v>
      </c>
      <c r="C12" s="35" t="s">
        <v>3</v>
      </c>
      <c r="D12" s="11" t="s">
        <v>0</v>
      </c>
      <c r="E12" s="15">
        <v>0</v>
      </c>
      <c r="F12" s="15">
        <v>0</v>
      </c>
      <c r="G12" s="15">
        <v>0</v>
      </c>
      <c r="H12" s="15">
        <v>57</v>
      </c>
      <c r="I12" s="15">
        <v>556</v>
      </c>
      <c r="J12" s="15">
        <v>570</v>
      </c>
      <c r="K12" s="15">
        <v>751</v>
      </c>
      <c r="L12" s="21">
        <v>411</v>
      </c>
      <c r="M12" s="21">
        <v>214</v>
      </c>
      <c r="N12" s="23">
        <v>0</v>
      </c>
      <c r="O12" s="23">
        <v>100</v>
      </c>
      <c r="P12" s="23">
        <v>114</v>
      </c>
      <c r="Q12" s="23">
        <v>88</v>
      </c>
      <c r="R12" s="23">
        <v>372</v>
      </c>
      <c r="S12" s="23">
        <v>326</v>
      </c>
      <c r="T12" s="23">
        <v>274</v>
      </c>
      <c r="U12" s="23">
        <v>113</v>
      </c>
      <c r="V12" s="27" t="s">
        <v>24</v>
      </c>
    </row>
    <row r="13" spans="1:22" ht="16.5" customHeight="1">
      <c r="A13" s="47"/>
      <c r="B13" s="41"/>
      <c r="C13" s="35"/>
      <c r="D13" s="11" t="s">
        <v>7</v>
      </c>
      <c r="E13" s="15">
        <v>0</v>
      </c>
      <c r="F13" s="15">
        <v>0</v>
      </c>
      <c r="G13" s="15">
        <v>0</v>
      </c>
      <c r="H13" s="15">
        <v>12480</v>
      </c>
      <c r="I13" s="15">
        <v>28580</v>
      </c>
      <c r="J13" s="15">
        <v>28800</v>
      </c>
      <c r="K13" s="15">
        <v>38475</v>
      </c>
      <c r="L13" s="21">
        <v>55230</v>
      </c>
      <c r="M13" s="21">
        <v>9030</v>
      </c>
      <c r="N13" s="23">
        <v>0</v>
      </c>
      <c r="O13" s="23">
        <v>18480</v>
      </c>
      <c r="P13" s="23">
        <v>22910</v>
      </c>
      <c r="Q13" s="23">
        <v>9180</v>
      </c>
      <c r="R13" s="23">
        <v>33480</v>
      </c>
      <c r="S13" s="23">
        <v>27540</v>
      </c>
      <c r="T13" s="23">
        <v>25056</v>
      </c>
      <c r="U13" s="23">
        <v>7776</v>
      </c>
      <c r="V13" s="27" t="s">
        <v>24</v>
      </c>
    </row>
    <row r="14" spans="1:22" ht="16.5" customHeight="1">
      <c r="A14" s="47"/>
      <c r="B14" s="34" t="s">
        <v>9</v>
      </c>
      <c r="C14" s="35" t="s">
        <v>11</v>
      </c>
      <c r="D14" s="11" t="s">
        <v>0</v>
      </c>
      <c r="E14" s="15">
        <v>0</v>
      </c>
      <c r="F14" s="15">
        <v>0</v>
      </c>
      <c r="G14" s="15">
        <v>0</v>
      </c>
      <c r="H14" s="15">
        <v>0</v>
      </c>
      <c r="I14" s="15">
        <v>0</v>
      </c>
      <c r="J14" s="15">
        <v>0</v>
      </c>
      <c r="K14" s="15">
        <v>0</v>
      </c>
      <c r="L14" s="21">
        <v>0</v>
      </c>
      <c r="M14" s="21">
        <v>0</v>
      </c>
      <c r="N14" s="23">
        <v>0</v>
      </c>
      <c r="O14" s="23">
        <v>0</v>
      </c>
      <c r="P14" s="23">
        <v>0</v>
      </c>
      <c r="Q14" s="23">
        <v>0</v>
      </c>
      <c r="R14" s="23">
        <v>0</v>
      </c>
      <c r="S14" s="23">
        <v>0</v>
      </c>
      <c r="T14" s="23">
        <v>0</v>
      </c>
      <c r="U14" s="23">
        <v>0</v>
      </c>
      <c r="V14" s="27">
        <v>0</v>
      </c>
    </row>
    <row r="15" spans="1:22" ht="16.5" customHeight="1">
      <c r="A15" s="47"/>
      <c r="B15" s="34"/>
      <c r="C15" s="35"/>
      <c r="D15" s="11" t="s">
        <v>7</v>
      </c>
      <c r="E15" s="15">
        <v>0</v>
      </c>
      <c r="F15" s="15">
        <v>0</v>
      </c>
      <c r="G15" s="15">
        <v>0</v>
      </c>
      <c r="H15" s="15">
        <v>0</v>
      </c>
      <c r="I15" s="15">
        <v>0</v>
      </c>
      <c r="J15" s="15">
        <v>0</v>
      </c>
      <c r="K15" s="15">
        <v>0</v>
      </c>
      <c r="L15" s="21">
        <v>0</v>
      </c>
      <c r="M15" s="21">
        <v>0</v>
      </c>
      <c r="N15" s="23">
        <v>0</v>
      </c>
      <c r="O15" s="23">
        <v>0</v>
      </c>
      <c r="P15" s="23">
        <v>0</v>
      </c>
      <c r="Q15" s="23">
        <v>0</v>
      </c>
      <c r="R15" s="23">
        <v>0</v>
      </c>
      <c r="S15" s="23">
        <v>0</v>
      </c>
      <c r="T15" s="23">
        <v>0</v>
      </c>
      <c r="U15" s="23">
        <v>0</v>
      </c>
      <c r="V15" s="27">
        <v>0</v>
      </c>
    </row>
    <row r="16" spans="1:22" ht="16.5" customHeight="1">
      <c r="A16" s="47"/>
      <c r="B16" s="34" t="s">
        <v>10</v>
      </c>
      <c r="C16" s="35" t="s">
        <v>12</v>
      </c>
      <c r="D16" s="11" t="s">
        <v>0</v>
      </c>
      <c r="E16" s="15">
        <v>0</v>
      </c>
      <c r="F16" s="15">
        <v>0</v>
      </c>
      <c r="G16" s="15">
        <v>0</v>
      </c>
      <c r="H16" s="15">
        <v>0</v>
      </c>
      <c r="I16" s="15">
        <v>0</v>
      </c>
      <c r="J16" s="15">
        <v>0</v>
      </c>
      <c r="K16" s="15">
        <v>0</v>
      </c>
      <c r="L16" s="21">
        <v>0</v>
      </c>
      <c r="M16" s="21">
        <v>0</v>
      </c>
      <c r="N16" s="23">
        <v>0</v>
      </c>
      <c r="O16" s="23">
        <v>0</v>
      </c>
      <c r="P16" s="23">
        <v>0</v>
      </c>
      <c r="Q16" s="23">
        <v>0</v>
      </c>
      <c r="R16" s="23">
        <v>0</v>
      </c>
      <c r="S16" s="23">
        <v>0</v>
      </c>
      <c r="T16" s="23">
        <v>0</v>
      </c>
      <c r="U16" s="23">
        <v>0</v>
      </c>
      <c r="V16" s="27">
        <v>0</v>
      </c>
    </row>
    <row r="17" spans="1:22" ht="16.5" customHeight="1">
      <c r="A17" s="48"/>
      <c r="B17" s="43"/>
      <c r="C17" s="44"/>
      <c r="D17" s="11" t="s">
        <v>7</v>
      </c>
      <c r="E17" s="15">
        <v>0</v>
      </c>
      <c r="F17" s="15">
        <v>0</v>
      </c>
      <c r="G17" s="15">
        <v>0</v>
      </c>
      <c r="H17" s="15">
        <v>0</v>
      </c>
      <c r="I17" s="15">
        <v>0</v>
      </c>
      <c r="J17" s="15">
        <v>0</v>
      </c>
      <c r="K17" s="15">
        <v>0</v>
      </c>
      <c r="L17" s="21">
        <v>0</v>
      </c>
      <c r="M17" s="21">
        <v>0</v>
      </c>
      <c r="N17" s="23">
        <v>0</v>
      </c>
      <c r="O17" s="23">
        <v>0</v>
      </c>
      <c r="P17" s="23">
        <v>0</v>
      </c>
      <c r="Q17" s="23">
        <v>0</v>
      </c>
      <c r="R17" s="23">
        <v>0</v>
      </c>
      <c r="S17" s="23">
        <v>0</v>
      </c>
      <c r="T17" s="23">
        <v>0</v>
      </c>
      <c r="U17" s="23">
        <v>0</v>
      </c>
      <c r="V17" s="27">
        <v>0</v>
      </c>
    </row>
    <row r="18" spans="1:22" ht="16.5" customHeight="1">
      <c r="A18" s="46" t="s">
        <v>14</v>
      </c>
      <c r="B18" s="42" t="s">
        <v>8</v>
      </c>
      <c r="C18" s="38" t="s">
        <v>11</v>
      </c>
      <c r="D18" s="11" t="s">
        <v>0</v>
      </c>
      <c r="E18" s="15">
        <v>0</v>
      </c>
      <c r="F18" s="15">
        <v>0</v>
      </c>
      <c r="G18" s="15">
        <v>0</v>
      </c>
      <c r="H18" s="15">
        <v>0</v>
      </c>
      <c r="I18" s="15">
        <v>0</v>
      </c>
      <c r="J18" s="15">
        <v>0</v>
      </c>
      <c r="K18" s="15">
        <v>0</v>
      </c>
      <c r="L18" s="21">
        <v>0</v>
      </c>
      <c r="M18" s="21">
        <v>0</v>
      </c>
      <c r="N18" s="23">
        <v>0</v>
      </c>
      <c r="O18" s="23">
        <v>0</v>
      </c>
      <c r="P18" s="23">
        <v>0</v>
      </c>
      <c r="Q18" s="23">
        <v>0</v>
      </c>
      <c r="R18" s="23">
        <v>0</v>
      </c>
      <c r="S18" s="23">
        <v>0</v>
      </c>
      <c r="T18" s="23">
        <v>0</v>
      </c>
      <c r="U18" s="23">
        <v>0</v>
      </c>
      <c r="V18" s="27">
        <v>0</v>
      </c>
    </row>
    <row r="19" spans="1:22" ht="16.5" customHeight="1">
      <c r="A19" s="47"/>
      <c r="B19" s="34"/>
      <c r="C19" s="35"/>
      <c r="D19" s="11" t="s">
        <v>7</v>
      </c>
      <c r="E19" s="15">
        <v>0</v>
      </c>
      <c r="F19" s="15">
        <v>0</v>
      </c>
      <c r="G19" s="15">
        <v>0</v>
      </c>
      <c r="H19" s="15">
        <v>0</v>
      </c>
      <c r="I19" s="15">
        <v>0</v>
      </c>
      <c r="J19" s="15">
        <v>0</v>
      </c>
      <c r="K19" s="15">
        <v>0</v>
      </c>
      <c r="L19" s="21">
        <v>0</v>
      </c>
      <c r="M19" s="21">
        <v>0</v>
      </c>
      <c r="N19" s="23">
        <v>0</v>
      </c>
      <c r="O19" s="23">
        <v>0</v>
      </c>
      <c r="P19" s="23">
        <v>0</v>
      </c>
      <c r="Q19" s="23">
        <v>0</v>
      </c>
      <c r="R19" s="23">
        <v>0</v>
      </c>
      <c r="S19" s="23">
        <v>0</v>
      </c>
      <c r="T19" s="23">
        <v>0</v>
      </c>
      <c r="U19" s="23">
        <v>0</v>
      </c>
      <c r="V19" s="27">
        <v>0</v>
      </c>
    </row>
    <row r="20" spans="1:22" ht="16.5" customHeight="1">
      <c r="A20" s="47"/>
      <c r="B20" s="41" t="s">
        <v>20</v>
      </c>
      <c r="C20" s="35" t="s">
        <v>3</v>
      </c>
      <c r="D20" s="11" t="s">
        <v>0</v>
      </c>
      <c r="E20" s="15">
        <v>0</v>
      </c>
      <c r="F20" s="15">
        <v>0</v>
      </c>
      <c r="G20" s="15">
        <v>0</v>
      </c>
      <c r="H20" s="15">
        <v>0</v>
      </c>
      <c r="I20" s="15">
        <v>0</v>
      </c>
      <c r="J20" s="15">
        <v>0</v>
      </c>
      <c r="K20" s="15">
        <v>0</v>
      </c>
      <c r="L20" s="21">
        <v>0</v>
      </c>
      <c r="M20" s="21">
        <v>0</v>
      </c>
      <c r="N20" s="23">
        <v>0</v>
      </c>
      <c r="O20" s="23">
        <v>0</v>
      </c>
      <c r="P20" s="23">
        <v>0</v>
      </c>
      <c r="Q20" s="23">
        <v>0</v>
      </c>
      <c r="R20" s="23">
        <v>0</v>
      </c>
      <c r="S20" s="23">
        <v>0</v>
      </c>
      <c r="T20" s="23">
        <v>0</v>
      </c>
      <c r="U20" s="23">
        <v>0</v>
      </c>
      <c r="V20" s="27">
        <v>0</v>
      </c>
    </row>
    <row r="21" spans="1:22" ht="16.5" customHeight="1">
      <c r="A21" s="47"/>
      <c r="B21" s="41"/>
      <c r="C21" s="35"/>
      <c r="D21" s="11" t="s">
        <v>7</v>
      </c>
      <c r="E21" s="15">
        <v>0</v>
      </c>
      <c r="F21" s="15">
        <v>0</v>
      </c>
      <c r="G21" s="15">
        <v>0</v>
      </c>
      <c r="H21" s="15">
        <v>0</v>
      </c>
      <c r="I21" s="15">
        <v>0</v>
      </c>
      <c r="J21" s="15">
        <v>0</v>
      </c>
      <c r="K21" s="15">
        <v>0</v>
      </c>
      <c r="L21" s="21">
        <v>0</v>
      </c>
      <c r="M21" s="21">
        <v>0</v>
      </c>
      <c r="N21" s="23">
        <v>0</v>
      </c>
      <c r="O21" s="23">
        <v>0</v>
      </c>
      <c r="P21" s="23">
        <v>0</v>
      </c>
      <c r="Q21" s="23">
        <v>0</v>
      </c>
      <c r="R21" s="23">
        <v>0</v>
      </c>
      <c r="S21" s="23">
        <v>0</v>
      </c>
      <c r="T21" s="23">
        <v>0</v>
      </c>
      <c r="U21" s="23">
        <v>0</v>
      </c>
      <c r="V21" s="27">
        <v>0</v>
      </c>
    </row>
    <row r="22" spans="1:22" ht="16.5" customHeight="1">
      <c r="A22" s="47"/>
      <c r="B22" s="41" t="s">
        <v>20</v>
      </c>
      <c r="C22" s="35" t="s">
        <v>2</v>
      </c>
      <c r="D22" s="11" t="s">
        <v>0</v>
      </c>
      <c r="E22" s="15">
        <v>0</v>
      </c>
      <c r="F22" s="15">
        <v>0</v>
      </c>
      <c r="G22" s="15">
        <v>0</v>
      </c>
      <c r="H22" s="15">
        <v>0</v>
      </c>
      <c r="I22" s="15">
        <v>0</v>
      </c>
      <c r="J22" s="15">
        <v>0</v>
      </c>
      <c r="K22" s="15">
        <v>0</v>
      </c>
      <c r="L22" s="21">
        <v>0</v>
      </c>
      <c r="M22" s="21">
        <v>0</v>
      </c>
      <c r="N22" s="23">
        <v>0</v>
      </c>
      <c r="O22" s="23">
        <v>0</v>
      </c>
      <c r="P22" s="23">
        <v>0</v>
      </c>
      <c r="Q22" s="23">
        <v>0</v>
      </c>
      <c r="R22" s="23">
        <v>0</v>
      </c>
      <c r="S22" s="23">
        <v>0</v>
      </c>
      <c r="T22" s="23">
        <v>0</v>
      </c>
      <c r="U22" s="23">
        <v>0</v>
      </c>
      <c r="V22" s="27">
        <v>0</v>
      </c>
    </row>
    <row r="23" spans="1:22" ht="16.5" customHeight="1">
      <c r="A23" s="47"/>
      <c r="B23" s="41"/>
      <c r="C23" s="35"/>
      <c r="D23" s="11" t="s">
        <v>7</v>
      </c>
      <c r="E23" s="15">
        <v>0</v>
      </c>
      <c r="F23" s="15">
        <v>0</v>
      </c>
      <c r="G23" s="15">
        <v>0</v>
      </c>
      <c r="H23" s="15">
        <v>0</v>
      </c>
      <c r="I23" s="15">
        <v>0</v>
      </c>
      <c r="J23" s="15">
        <v>0</v>
      </c>
      <c r="K23" s="15">
        <v>0</v>
      </c>
      <c r="L23" s="21">
        <v>0</v>
      </c>
      <c r="M23" s="21">
        <v>0</v>
      </c>
      <c r="N23" s="23">
        <v>0</v>
      </c>
      <c r="O23" s="23">
        <v>0</v>
      </c>
      <c r="P23" s="23">
        <v>0</v>
      </c>
      <c r="Q23" s="23">
        <v>0</v>
      </c>
      <c r="R23" s="23">
        <v>0</v>
      </c>
      <c r="S23" s="23">
        <v>0</v>
      </c>
      <c r="T23" s="23">
        <v>0</v>
      </c>
      <c r="U23" s="23">
        <v>0</v>
      </c>
      <c r="V23" s="27">
        <v>0</v>
      </c>
    </row>
    <row r="24" spans="1:22" ht="16.5" customHeight="1">
      <c r="A24" s="47"/>
      <c r="B24" s="41" t="s">
        <v>20</v>
      </c>
      <c r="C24" s="35" t="s">
        <v>5</v>
      </c>
      <c r="D24" s="11" t="s">
        <v>0</v>
      </c>
      <c r="E24" s="15">
        <v>0</v>
      </c>
      <c r="F24" s="15">
        <v>0</v>
      </c>
      <c r="G24" s="15">
        <v>0</v>
      </c>
      <c r="H24" s="15">
        <v>0</v>
      </c>
      <c r="I24" s="15">
        <v>0</v>
      </c>
      <c r="J24" s="15">
        <v>0</v>
      </c>
      <c r="K24" s="15">
        <v>0</v>
      </c>
      <c r="L24" s="21">
        <v>0</v>
      </c>
      <c r="M24" s="21">
        <v>0</v>
      </c>
      <c r="N24" s="23">
        <v>0</v>
      </c>
      <c r="O24" s="23">
        <v>0</v>
      </c>
      <c r="P24" s="23">
        <v>0</v>
      </c>
      <c r="Q24" s="23">
        <v>0</v>
      </c>
      <c r="R24" s="23">
        <v>0</v>
      </c>
      <c r="S24" s="23">
        <v>0</v>
      </c>
      <c r="T24" s="23">
        <v>0</v>
      </c>
      <c r="U24" s="23">
        <v>0</v>
      </c>
      <c r="V24" s="27">
        <v>0</v>
      </c>
    </row>
    <row r="25" spans="1:22" ht="16.5" customHeight="1">
      <c r="A25" s="47"/>
      <c r="B25" s="41"/>
      <c r="C25" s="35"/>
      <c r="D25" s="11" t="s">
        <v>7</v>
      </c>
      <c r="E25" s="15">
        <v>0</v>
      </c>
      <c r="F25" s="15">
        <v>0</v>
      </c>
      <c r="G25" s="15">
        <v>0</v>
      </c>
      <c r="H25" s="15">
        <v>0</v>
      </c>
      <c r="I25" s="15">
        <v>0</v>
      </c>
      <c r="J25" s="15">
        <v>0</v>
      </c>
      <c r="K25" s="15">
        <v>0</v>
      </c>
      <c r="L25" s="21">
        <v>0</v>
      </c>
      <c r="M25" s="21">
        <v>0</v>
      </c>
      <c r="N25" s="23">
        <v>0</v>
      </c>
      <c r="O25" s="23">
        <v>0</v>
      </c>
      <c r="P25" s="23">
        <v>0</v>
      </c>
      <c r="Q25" s="23">
        <v>0</v>
      </c>
      <c r="R25" s="23">
        <v>0</v>
      </c>
      <c r="S25" s="23">
        <v>0</v>
      </c>
      <c r="T25" s="23">
        <v>0</v>
      </c>
      <c r="U25" s="23">
        <v>0</v>
      </c>
      <c r="V25" s="27">
        <v>0</v>
      </c>
    </row>
    <row r="26" spans="1:22" ht="16.5" customHeight="1">
      <c r="A26" s="47"/>
      <c r="B26" s="34" t="s">
        <v>15</v>
      </c>
      <c r="C26" s="35" t="s">
        <v>3</v>
      </c>
      <c r="D26" s="11" t="s">
        <v>0</v>
      </c>
      <c r="E26" s="15">
        <v>0</v>
      </c>
      <c r="F26" s="15">
        <v>0</v>
      </c>
      <c r="G26" s="15">
        <v>0</v>
      </c>
      <c r="H26" s="15">
        <v>0</v>
      </c>
      <c r="I26" s="15">
        <v>0</v>
      </c>
      <c r="J26" s="15">
        <v>0</v>
      </c>
      <c r="K26" s="15">
        <v>0</v>
      </c>
      <c r="L26" s="21">
        <v>0</v>
      </c>
      <c r="M26" s="21">
        <v>0</v>
      </c>
      <c r="N26" s="23">
        <v>0</v>
      </c>
      <c r="O26" s="23">
        <v>0</v>
      </c>
      <c r="P26" s="23">
        <v>0</v>
      </c>
      <c r="Q26" s="23">
        <v>0</v>
      </c>
      <c r="R26" s="23">
        <v>0</v>
      </c>
      <c r="S26" s="23">
        <v>0</v>
      </c>
      <c r="T26" s="23">
        <v>0</v>
      </c>
      <c r="U26" s="23">
        <v>0</v>
      </c>
      <c r="V26" s="27">
        <v>0</v>
      </c>
    </row>
    <row r="27" spans="1:22" ht="16.5" customHeight="1">
      <c r="A27" s="47"/>
      <c r="B27" s="34"/>
      <c r="C27" s="35"/>
      <c r="D27" s="11" t="s">
        <v>7</v>
      </c>
      <c r="E27" s="15">
        <v>0</v>
      </c>
      <c r="F27" s="15">
        <v>0</v>
      </c>
      <c r="G27" s="15">
        <v>0</v>
      </c>
      <c r="H27" s="15">
        <v>0</v>
      </c>
      <c r="I27" s="15">
        <v>0</v>
      </c>
      <c r="J27" s="15">
        <v>0</v>
      </c>
      <c r="K27" s="15">
        <v>0</v>
      </c>
      <c r="L27" s="21">
        <v>0</v>
      </c>
      <c r="M27" s="21">
        <v>0</v>
      </c>
      <c r="N27" s="23">
        <v>0</v>
      </c>
      <c r="O27" s="23">
        <v>0</v>
      </c>
      <c r="P27" s="23">
        <v>0</v>
      </c>
      <c r="Q27" s="23">
        <v>0</v>
      </c>
      <c r="R27" s="23">
        <v>0</v>
      </c>
      <c r="S27" s="23">
        <v>0</v>
      </c>
      <c r="T27" s="23">
        <v>0</v>
      </c>
      <c r="U27" s="23">
        <v>0</v>
      </c>
      <c r="V27" s="27">
        <v>0</v>
      </c>
    </row>
    <row r="28" spans="1:22" ht="16.5" customHeight="1">
      <c r="A28" s="47"/>
      <c r="B28" s="34" t="s">
        <v>16</v>
      </c>
      <c r="C28" s="35" t="s">
        <v>17</v>
      </c>
      <c r="D28" s="11" t="s">
        <v>0</v>
      </c>
      <c r="E28" s="15">
        <v>0</v>
      </c>
      <c r="F28" s="15">
        <v>0</v>
      </c>
      <c r="G28" s="15">
        <v>0</v>
      </c>
      <c r="H28" s="15">
        <v>0</v>
      </c>
      <c r="I28" s="15">
        <v>0</v>
      </c>
      <c r="J28" s="15">
        <v>0</v>
      </c>
      <c r="K28" s="15">
        <v>0</v>
      </c>
      <c r="L28" s="21">
        <v>0</v>
      </c>
      <c r="M28" s="21">
        <v>0</v>
      </c>
      <c r="N28" s="23">
        <v>0</v>
      </c>
      <c r="O28" s="23">
        <v>0</v>
      </c>
      <c r="P28" s="23">
        <v>0</v>
      </c>
      <c r="Q28" s="23">
        <v>0</v>
      </c>
      <c r="R28" s="23">
        <v>0</v>
      </c>
      <c r="S28" s="23">
        <v>0</v>
      </c>
      <c r="T28" s="23">
        <v>0</v>
      </c>
      <c r="U28" s="23">
        <v>0</v>
      </c>
      <c r="V28" s="27">
        <v>0</v>
      </c>
    </row>
    <row r="29" spans="1:22" ht="16.5" customHeight="1">
      <c r="A29" s="48"/>
      <c r="B29" s="43"/>
      <c r="C29" s="44"/>
      <c r="D29" s="11" t="s">
        <v>7</v>
      </c>
      <c r="E29" s="15">
        <v>0</v>
      </c>
      <c r="F29" s="15">
        <v>0</v>
      </c>
      <c r="G29" s="15">
        <v>0</v>
      </c>
      <c r="H29" s="15">
        <v>0</v>
      </c>
      <c r="I29" s="15">
        <v>0</v>
      </c>
      <c r="J29" s="15">
        <v>0</v>
      </c>
      <c r="K29" s="15">
        <v>0</v>
      </c>
      <c r="L29" s="21">
        <v>0</v>
      </c>
      <c r="M29" s="21">
        <v>0</v>
      </c>
      <c r="N29" s="23">
        <v>0</v>
      </c>
      <c r="O29" s="23">
        <v>0</v>
      </c>
      <c r="P29" s="23">
        <v>0</v>
      </c>
      <c r="Q29" s="23">
        <v>0</v>
      </c>
      <c r="R29" s="23">
        <v>0</v>
      </c>
      <c r="S29" s="23">
        <v>0</v>
      </c>
      <c r="T29" s="23">
        <v>0</v>
      </c>
      <c r="U29" s="23">
        <v>0</v>
      </c>
      <c r="V29" s="27">
        <v>0</v>
      </c>
    </row>
    <row r="30" spans="1:22" ht="16.5" customHeight="1">
      <c r="A30" s="46" t="s">
        <v>4</v>
      </c>
      <c r="B30" s="42" t="s">
        <v>8</v>
      </c>
      <c r="C30" s="38" t="s">
        <v>11</v>
      </c>
      <c r="D30" s="11" t="s">
        <v>0</v>
      </c>
      <c r="E30" s="15">
        <v>0</v>
      </c>
      <c r="F30" s="15">
        <v>0</v>
      </c>
      <c r="G30" s="15">
        <v>0</v>
      </c>
      <c r="H30" s="15">
        <v>0</v>
      </c>
      <c r="I30" s="15">
        <v>0</v>
      </c>
      <c r="J30" s="15">
        <v>0</v>
      </c>
      <c r="K30" s="15">
        <v>0</v>
      </c>
      <c r="L30" s="21">
        <v>0</v>
      </c>
      <c r="M30" s="21">
        <v>0</v>
      </c>
      <c r="N30" s="23">
        <v>0</v>
      </c>
      <c r="O30" s="23">
        <v>0</v>
      </c>
      <c r="P30" s="23">
        <v>0</v>
      </c>
      <c r="Q30" s="23">
        <v>0</v>
      </c>
      <c r="R30" s="23">
        <v>0</v>
      </c>
      <c r="S30" s="23">
        <v>0</v>
      </c>
      <c r="T30" s="23">
        <v>0</v>
      </c>
      <c r="U30" s="23">
        <v>0</v>
      </c>
      <c r="V30" s="27">
        <v>0</v>
      </c>
    </row>
    <row r="31" spans="1:22" ht="16.5" customHeight="1">
      <c r="A31" s="47"/>
      <c r="B31" s="34"/>
      <c r="C31" s="35"/>
      <c r="D31" s="11" t="s">
        <v>7</v>
      </c>
      <c r="E31" s="15">
        <v>0</v>
      </c>
      <c r="F31" s="15">
        <v>0</v>
      </c>
      <c r="G31" s="15">
        <v>0</v>
      </c>
      <c r="H31" s="15">
        <v>0</v>
      </c>
      <c r="I31" s="15">
        <v>0</v>
      </c>
      <c r="J31" s="15">
        <v>0</v>
      </c>
      <c r="K31" s="15">
        <v>0</v>
      </c>
      <c r="L31" s="21">
        <v>0</v>
      </c>
      <c r="M31" s="21">
        <v>0</v>
      </c>
      <c r="N31" s="23">
        <v>0</v>
      </c>
      <c r="O31" s="23">
        <v>0</v>
      </c>
      <c r="P31" s="23">
        <v>0</v>
      </c>
      <c r="Q31" s="23">
        <v>0</v>
      </c>
      <c r="R31" s="23">
        <v>0</v>
      </c>
      <c r="S31" s="23">
        <v>0</v>
      </c>
      <c r="T31" s="23">
        <v>0</v>
      </c>
      <c r="U31" s="23">
        <v>0</v>
      </c>
      <c r="V31" s="27">
        <v>0</v>
      </c>
    </row>
    <row r="32" spans="1:22" ht="16.5" customHeight="1">
      <c r="A32" s="47"/>
      <c r="B32" s="41" t="s">
        <v>20</v>
      </c>
      <c r="C32" s="35" t="s">
        <v>3</v>
      </c>
      <c r="D32" s="11" t="s">
        <v>0</v>
      </c>
      <c r="E32" s="15">
        <v>185</v>
      </c>
      <c r="F32" s="15">
        <v>57</v>
      </c>
      <c r="G32" s="15">
        <v>269</v>
      </c>
      <c r="H32" s="15">
        <v>0</v>
      </c>
      <c r="I32" s="15">
        <v>0</v>
      </c>
      <c r="J32" s="15">
        <v>0</v>
      </c>
      <c r="K32" s="15">
        <v>4892</v>
      </c>
      <c r="L32" s="21">
        <v>44</v>
      </c>
      <c r="M32" s="21">
        <v>2352</v>
      </c>
      <c r="N32" s="23">
        <v>44</v>
      </c>
      <c r="O32" s="23">
        <v>2000</v>
      </c>
      <c r="P32" s="23">
        <v>38</v>
      </c>
      <c r="Q32" s="23">
        <v>3212</v>
      </c>
      <c r="R32" s="23">
        <v>751</v>
      </c>
      <c r="S32" s="23">
        <v>6140</v>
      </c>
      <c r="T32" s="23">
        <v>5393</v>
      </c>
      <c r="U32" s="23">
        <v>8996</v>
      </c>
      <c r="V32" s="27">
        <v>437</v>
      </c>
    </row>
    <row r="33" spans="1:22" ht="16.5" customHeight="1">
      <c r="A33" s="47"/>
      <c r="B33" s="41"/>
      <c r="C33" s="35"/>
      <c r="D33" s="11" t="s">
        <v>7</v>
      </c>
      <c r="E33" s="15">
        <v>273</v>
      </c>
      <c r="F33" s="15">
        <v>1691</v>
      </c>
      <c r="G33" s="15">
        <v>5229</v>
      </c>
      <c r="H33" s="15">
        <v>0</v>
      </c>
      <c r="I33" s="15">
        <v>0</v>
      </c>
      <c r="J33" s="15">
        <v>0</v>
      </c>
      <c r="K33" s="15">
        <v>4483</v>
      </c>
      <c r="L33" s="21">
        <v>992</v>
      </c>
      <c r="M33" s="21">
        <v>1175</v>
      </c>
      <c r="N33" s="23">
        <v>1160</v>
      </c>
      <c r="O33" s="23">
        <v>2064</v>
      </c>
      <c r="P33" s="23">
        <v>3247</v>
      </c>
      <c r="Q33" s="23">
        <v>2754</v>
      </c>
      <c r="R33" s="23">
        <v>3176</v>
      </c>
      <c r="S33" s="23">
        <v>3717</v>
      </c>
      <c r="T33" s="23">
        <v>2664</v>
      </c>
      <c r="U33" s="23">
        <v>4615</v>
      </c>
      <c r="V33" s="27">
        <v>12299</v>
      </c>
    </row>
    <row r="34" spans="1:22" ht="16.5" customHeight="1">
      <c r="A34" s="47"/>
      <c r="B34" s="41" t="s">
        <v>20</v>
      </c>
      <c r="C34" s="35" t="s">
        <v>2</v>
      </c>
      <c r="D34" s="11" t="s">
        <v>0</v>
      </c>
      <c r="E34" s="15">
        <v>1058</v>
      </c>
      <c r="F34" s="15">
        <v>930</v>
      </c>
      <c r="G34" s="15">
        <v>727</v>
      </c>
      <c r="H34" s="15">
        <v>484</v>
      </c>
      <c r="I34" s="15">
        <v>100</v>
      </c>
      <c r="J34" s="15">
        <v>127</v>
      </c>
      <c r="K34" s="15">
        <v>133</v>
      </c>
      <c r="L34" s="21">
        <v>20</v>
      </c>
      <c r="M34" s="21">
        <v>125</v>
      </c>
      <c r="N34" s="23">
        <v>388</v>
      </c>
      <c r="O34" s="23">
        <v>201</v>
      </c>
      <c r="P34" s="23">
        <v>94</v>
      </c>
      <c r="Q34" s="23">
        <v>58</v>
      </c>
      <c r="R34" s="23">
        <v>46</v>
      </c>
      <c r="S34" s="23">
        <v>126</v>
      </c>
      <c r="T34" s="23">
        <v>467</v>
      </c>
      <c r="U34" s="23">
        <v>307</v>
      </c>
      <c r="V34" s="27">
        <v>45</v>
      </c>
    </row>
    <row r="35" spans="1:22" ht="16.5" customHeight="1">
      <c r="A35" s="47"/>
      <c r="B35" s="41"/>
      <c r="C35" s="35"/>
      <c r="D35" s="11" t="s">
        <v>7</v>
      </c>
      <c r="E35" s="15">
        <v>27103</v>
      </c>
      <c r="F35" s="15">
        <v>25974</v>
      </c>
      <c r="G35" s="15">
        <v>21183</v>
      </c>
      <c r="H35" s="15">
        <v>11781</v>
      </c>
      <c r="I35" s="15">
        <v>4935</v>
      </c>
      <c r="J35" s="15">
        <v>4819</v>
      </c>
      <c r="K35" s="15">
        <v>4305</v>
      </c>
      <c r="L35" s="21">
        <v>305</v>
      </c>
      <c r="M35" s="21">
        <v>5009</v>
      </c>
      <c r="N35" s="23">
        <v>13996</v>
      </c>
      <c r="O35" s="23">
        <v>4494</v>
      </c>
      <c r="P35" s="23">
        <v>1949</v>
      </c>
      <c r="Q35" s="23">
        <v>1272</v>
      </c>
      <c r="R35" s="23">
        <v>814</v>
      </c>
      <c r="S35" s="23">
        <v>5701</v>
      </c>
      <c r="T35" s="23">
        <v>8884</v>
      </c>
      <c r="U35" s="23">
        <v>5530</v>
      </c>
      <c r="V35" s="27">
        <v>693</v>
      </c>
    </row>
    <row r="36" spans="1:22" ht="16.5" customHeight="1">
      <c r="A36" s="47"/>
      <c r="B36" s="41" t="s">
        <v>20</v>
      </c>
      <c r="C36" s="35" t="s">
        <v>5</v>
      </c>
      <c r="D36" s="11" t="s">
        <v>0</v>
      </c>
      <c r="E36" s="15">
        <v>0</v>
      </c>
      <c r="F36" s="15">
        <v>0</v>
      </c>
      <c r="G36" s="15">
        <v>0</v>
      </c>
      <c r="H36" s="15">
        <v>10</v>
      </c>
      <c r="I36" s="15">
        <v>4412</v>
      </c>
      <c r="J36" s="15">
        <v>4799</v>
      </c>
      <c r="K36" s="15">
        <v>1152</v>
      </c>
      <c r="L36" s="21">
        <v>0</v>
      </c>
      <c r="M36" s="21">
        <v>9773</v>
      </c>
      <c r="N36" s="23">
        <v>0</v>
      </c>
      <c r="O36" s="23">
        <v>433</v>
      </c>
      <c r="P36" s="23">
        <v>13136</v>
      </c>
      <c r="Q36" s="23">
        <v>10</v>
      </c>
      <c r="R36" s="23">
        <v>154</v>
      </c>
      <c r="S36" s="23">
        <v>12</v>
      </c>
      <c r="T36" s="23">
        <v>3820</v>
      </c>
      <c r="U36" s="23">
        <v>1727</v>
      </c>
      <c r="V36" s="27">
        <v>10037</v>
      </c>
    </row>
    <row r="37" spans="1:22" ht="16.5" customHeight="1" thickBot="1">
      <c r="A37" s="49"/>
      <c r="B37" s="52"/>
      <c r="C37" s="45"/>
      <c r="D37" s="12" t="s">
        <v>7</v>
      </c>
      <c r="E37" s="18">
        <v>0</v>
      </c>
      <c r="F37" s="18">
        <v>0</v>
      </c>
      <c r="G37" s="18">
        <v>0</v>
      </c>
      <c r="H37" s="18">
        <v>472</v>
      </c>
      <c r="I37" s="18">
        <v>5009</v>
      </c>
      <c r="J37" s="18">
        <v>19997</v>
      </c>
      <c r="K37" s="18">
        <v>2032</v>
      </c>
      <c r="L37" s="22">
        <v>0</v>
      </c>
      <c r="M37" s="22">
        <v>5248</v>
      </c>
      <c r="N37" s="24">
        <v>0</v>
      </c>
      <c r="O37" s="24">
        <v>4152</v>
      </c>
      <c r="P37" s="24">
        <v>18453</v>
      </c>
      <c r="Q37" s="24">
        <v>226</v>
      </c>
      <c r="R37" s="24">
        <v>275</v>
      </c>
      <c r="S37" s="24">
        <v>445</v>
      </c>
      <c r="T37" s="24">
        <v>8283</v>
      </c>
      <c r="U37" s="24">
        <v>7498</v>
      </c>
      <c r="V37" s="28">
        <v>41734</v>
      </c>
    </row>
    <row r="38" spans="1:22">
      <c r="A38" s="8" t="s">
        <v>19</v>
      </c>
    </row>
  </sheetData>
  <mergeCells count="37">
    <mergeCell ref="A6:A17"/>
    <mergeCell ref="A18:A29"/>
    <mergeCell ref="A30:A37"/>
    <mergeCell ref="A3:C3"/>
    <mergeCell ref="B6:B7"/>
    <mergeCell ref="C6:C7"/>
    <mergeCell ref="B8:B9"/>
    <mergeCell ref="C8:C9"/>
    <mergeCell ref="B10:B11"/>
    <mergeCell ref="C10:C11"/>
    <mergeCell ref="C12:C13"/>
    <mergeCell ref="B14:B15"/>
    <mergeCell ref="C14:C15"/>
    <mergeCell ref="B16:B17"/>
    <mergeCell ref="C16:C17"/>
    <mergeCell ref="B36:B37"/>
    <mergeCell ref="C36:C37"/>
    <mergeCell ref="B30:B31"/>
    <mergeCell ref="C30:C31"/>
    <mergeCell ref="B32:B33"/>
    <mergeCell ref="C32:C33"/>
    <mergeCell ref="B26:B27"/>
    <mergeCell ref="C24:C25"/>
    <mergeCell ref="A4:C5"/>
    <mergeCell ref="B34:B35"/>
    <mergeCell ref="C34:C35"/>
    <mergeCell ref="B18:B19"/>
    <mergeCell ref="C18:C19"/>
    <mergeCell ref="B20:B21"/>
    <mergeCell ref="C20:C21"/>
    <mergeCell ref="C26:C27"/>
    <mergeCell ref="B28:B29"/>
    <mergeCell ref="C28:C29"/>
    <mergeCell ref="B22:B23"/>
    <mergeCell ref="C22:C23"/>
    <mergeCell ref="B24:B25"/>
    <mergeCell ref="B12:B13"/>
  </mergeCells>
  <phoneticPr fontId="2"/>
  <printOptions horizontalCentered="1"/>
  <pageMargins left="0.19685039370078741" right="0.19685039370078741" top="0.98425196850393704" bottom="0.98425196850393704" header="0.51181102362204722" footer="0.51181102362204722"/>
  <pageSetup paperSize="9" scale="7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6-10</vt:lpstr>
      <vt:lpstr>'26-10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統計－建設</dc:title>
  <dc:creator>統計係</dc:creator>
  <cp:lastModifiedBy>Administrator</cp:lastModifiedBy>
  <cp:lastPrinted>2021-02-04T01:01:38Z</cp:lastPrinted>
  <dcterms:created xsi:type="dcterms:W3CDTF">1997-01-08T22:48:59Z</dcterms:created>
  <dcterms:modified xsi:type="dcterms:W3CDTF">2021-02-04T01:01:45Z</dcterms:modified>
</cp:coreProperties>
</file>